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8.xml" ContentType="application/vnd.openxmlformats-officedocument.presentationml.notesSlide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notesSlides/notesSlide9.xml" ContentType="application/vnd.openxmlformats-officedocument.presentationml.notesSlide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notesSlides/notesSlide10.xml" ContentType="application/vnd.openxmlformats-officedocument.presentationml.notesSlide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notesSlides/notesSlide11.xml" ContentType="application/vnd.openxmlformats-officedocument.presentationml.notesSlide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notesSlides/notesSlide12.xml" ContentType="application/vnd.openxmlformats-officedocument.presentationml.notesSlide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notesSlides/notesSlide13.xml" ContentType="application/vnd.openxmlformats-officedocument.presentationml.notesSlide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notesSlides/notesSlide14.xml" ContentType="application/vnd.openxmlformats-officedocument.presentationml.notesSlide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7"/>
  </p:notesMasterIdLst>
  <p:sldIdLst>
    <p:sldId id="343" r:id="rId2"/>
    <p:sldId id="353" r:id="rId3"/>
    <p:sldId id="352" r:id="rId4"/>
    <p:sldId id="354" r:id="rId5"/>
    <p:sldId id="359" r:id="rId6"/>
    <p:sldId id="355" r:id="rId7"/>
    <p:sldId id="360" r:id="rId8"/>
    <p:sldId id="361" r:id="rId9"/>
    <p:sldId id="357" r:id="rId10"/>
    <p:sldId id="364" r:id="rId11"/>
    <p:sldId id="365" r:id="rId12"/>
    <p:sldId id="366" r:id="rId13"/>
    <p:sldId id="368" r:id="rId14"/>
    <p:sldId id="367" r:id="rId15"/>
    <p:sldId id="351" r:id="rId16"/>
  </p:sldIdLst>
  <p:sldSz cx="12192000" cy="6858000"/>
  <p:notesSz cx="6858000" cy="9144000"/>
  <p:custDataLst>
    <p:tags r:id="rId1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CB1259"/>
    <a:srgbClr val="2B2D31"/>
    <a:srgbClr val="8FBDE8"/>
    <a:srgbClr val="F4F9FE"/>
    <a:srgbClr val="EEF6F1"/>
    <a:srgbClr val="E6E6E6"/>
    <a:srgbClr val="E7E9F6"/>
    <a:srgbClr val="8A8E96"/>
    <a:srgbClr val="D4D2D3"/>
    <a:srgbClr val="1C1C1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96561241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66485098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58712562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48685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5097797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472113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543410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2110632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6191137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3584553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3498279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228951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2069485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8085888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1.xml"/><Relationship Id="rId1" Type="http://schemas.openxmlformats.org/officeDocument/2006/relationships/tags" Target="../tags/tag2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0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3.xml"/><Relationship Id="rId1" Type="http://schemas.openxmlformats.org/officeDocument/2006/relationships/tags" Target="../tags/tag2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1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5.xml"/><Relationship Id="rId1" Type="http://schemas.openxmlformats.org/officeDocument/2006/relationships/tags" Target="../tags/tag2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7.xml"/><Relationship Id="rId1" Type="http://schemas.openxmlformats.org/officeDocument/2006/relationships/tags" Target="../tags/tag2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3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29.xml"/><Relationship Id="rId1" Type="http://schemas.openxmlformats.org/officeDocument/2006/relationships/tags" Target="../tags/tag2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3.png"/><Relationship Id="rId2" Type="http://schemas.openxmlformats.org/officeDocument/2006/relationships/tags" Target="../tags/tag31.xml"/><Relationship Id="rId1" Type="http://schemas.openxmlformats.org/officeDocument/2006/relationships/tags" Target="../tags/tag30.xml"/><Relationship Id="rId6" Type="http://schemas.openxmlformats.org/officeDocument/2006/relationships/hyperlink" Target="javascript:window.open('/next_lesson/15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5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8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9.xml"/><Relationship Id="rId1" Type="http://schemas.openxmlformats.org/officeDocument/2006/relationships/tags" Target="../tags/tag1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efinitions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7141972" cy="852515"/>
          </a:xfrm>
          <a:prstGeom prst="rect">
            <a:avLst/>
          </a:prstGeom>
        </p:spPr>
        <p:txBody>
          <a:bodyPr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iscuss the different forms of sexual </a:t>
            </a:r>
            <a:r>
              <a:rPr lang="en-US" sz="2800" dirty="0" smtClean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misconduct</a:t>
            </a:r>
            <a:endParaRPr lang="ru-RU" sz="28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418382" y="452431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632041" y="2252334"/>
            <a:ext cx="6272541" cy="2147976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f the perpetrator is an aid worker and the victim is an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id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orker. This is sexual harassment (SH). Although it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might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ound that there is exploitation of power here, it is</a:t>
            </a:r>
          </a:p>
        </p:txBody>
      </p:sp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09064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495611" y="409467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355601" y="1876763"/>
            <a:ext cx="7400620" cy="3104474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rue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, we still call it SH to distinguish the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various types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 If the perpetrator is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 beneficiary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nd</a:t>
            </a:r>
          </a:p>
          <a:p>
            <a:pPr fontAlgn="base"/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e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victim is a beneficiary. This is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GBV. This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ill not be our area of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tervention in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is course but we put it here for you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o know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ll the differences. </a:t>
            </a:r>
          </a:p>
        </p:txBody>
      </p:sp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983124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271040" y="382905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" name="Rounded Rectangle 12"/>
          <p:cNvSpPr/>
          <p:nvPr/>
        </p:nvSpPr>
        <p:spPr>
          <a:xfrm>
            <a:off x="977286" y="1905363"/>
            <a:ext cx="5910888" cy="3104474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rue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, we still call it SH to distinguish the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various types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 If the perpetrator is a beneficiary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nd the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victim is a beneficiary. This is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GBV. This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ill not be our area of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tervention in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is course but we put it here for you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o know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ll the differences. </a:t>
            </a:r>
          </a:p>
        </p:txBody>
      </p:sp>
      <p:pic>
        <p:nvPicPr>
          <p:cNvPr id="8" name="Picture 7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60751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6" name="Arrow: Pentagon 5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EF1768CC-083B-D5AB-763E-7725D9A5D905}"/>
              </a:ext>
            </a:extLst>
          </p:cNvPr>
          <p:cNvSpPr/>
          <p:nvPr/>
        </p:nvSpPr>
        <p:spPr>
          <a:xfrm>
            <a:off x="590406" y="4752541"/>
            <a:ext cx="4667394" cy="1000124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lay</a:t>
            </a:r>
          </a:p>
        </p:txBody>
      </p:sp>
      <p:pic>
        <p:nvPicPr>
          <p:cNvPr id="7" name="Picture 6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  <p:sp>
        <p:nvSpPr>
          <p:cNvPr id="16" name="Rounded Rectangle 15"/>
          <p:cNvSpPr/>
          <p:nvPr/>
        </p:nvSpPr>
        <p:spPr>
          <a:xfrm>
            <a:off x="343014" y="2128603"/>
            <a:ext cx="5618075" cy="1702798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re you ready to do the scenarios we started with again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1010397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381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38100" cap="flat" cmpd="sng" algn="ctr">
                <a:solidFill>
                  <a:schemeClr val="accent2">
                    <a:lumMod val="60000"/>
                    <a:lumOff val="4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2400" b="1" dirty="0">
              <a:solidFill>
                <a:schemeClr val="tx1"/>
              </a:solidFill>
            </a:endParaRPr>
          </a:p>
        </p:txBody>
      </p:sp>
      <p:pic>
        <p:nvPicPr>
          <p:cNvPr id="6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7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3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4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1167712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0" name="Arrow: Pentagon 9">
            <a:hlinkClick r:id="rId6" action="ppaction://program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980210" y="3096039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74679" y="644577"/>
            <a:ext cx="2984197" cy="100887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02327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392515" y="1191719"/>
            <a:ext cx="7628931" cy="5216577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Rounded Rectangle 6"/>
          <p:cNvSpPr/>
          <p:nvPr/>
        </p:nvSpPr>
        <p:spPr>
          <a:xfrm>
            <a:off x="443052" y="2008214"/>
            <a:ext cx="6542676" cy="3343743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efine the main terms and clarify the difference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etween them: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342900" indent="-342900" fontAlgn="base">
              <a:buFont typeface="Arial" panose="020B0604020202020204" pitchFamily="34" charset="0"/>
              <a:buChar char="•"/>
            </a:pPr>
            <a:r>
              <a:rPr lang="fr-FR" sz="2400" dirty="0" err="1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exual</a:t>
            </a:r>
            <a:r>
              <a:rPr lang="fr-FR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fr-FR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Exploitation</a:t>
            </a:r>
            <a:endParaRPr lang="fr-FR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342900" indent="-342900" fontAlgn="base">
              <a:buFont typeface="Arial" panose="020B0604020202020204" pitchFamily="34" charset="0"/>
              <a:buChar char="•"/>
            </a:pPr>
            <a:r>
              <a:rPr lang="fr-FR" sz="2400" dirty="0" err="1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exual</a:t>
            </a:r>
            <a:r>
              <a:rPr lang="fr-FR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fr-FR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buse</a:t>
            </a:r>
            <a:endParaRPr lang="fr-FR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342900" indent="-342900" fontAlgn="base">
              <a:buFont typeface="Arial" panose="020B0604020202020204" pitchFamily="34" charset="0"/>
              <a:buChar char="•"/>
            </a:pPr>
            <a:r>
              <a:rPr lang="fr-FR" sz="2400" dirty="0" err="1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exual</a:t>
            </a:r>
            <a:r>
              <a:rPr lang="fr-FR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fr-FR" sz="2400" dirty="0" err="1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arassment</a:t>
            </a:r>
            <a:endParaRPr lang="fr-FR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342900" indent="-342900" fontAlgn="base">
              <a:buFont typeface="Arial" panose="020B0604020202020204" pitchFamily="34" charset="0"/>
              <a:buChar char="•"/>
            </a:pPr>
            <a:r>
              <a:rPr lang="fr-FR" sz="2400" dirty="0" err="1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exual</a:t>
            </a:r>
            <a:r>
              <a:rPr lang="fr-FR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fr-FR" sz="2400" dirty="0" err="1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Gender</a:t>
            </a:r>
            <a:r>
              <a:rPr lang="fr-FR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fr-FR" sz="2400" dirty="0" err="1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ased</a:t>
            </a:r>
            <a:r>
              <a:rPr lang="fr-FR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fr-FR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Violence</a:t>
            </a:r>
            <a:endParaRPr lang="fr-FR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431868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" name="Rounded Rectangle 3"/>
          <p:cNvSpPr/>
          <p:nvPr/>
        </p:nvSpPr>
        <p:spPr>
          <a:xfrm>
            <a:off x="443052" y="1312320"/>
            <a:ext cx="7898503" cy="3604642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en we say sexual misconduct, it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an have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many forms, these include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: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342900" indent="-342900" fontAlgn="base">
              <a:buFont typeface="Wingdings" panose="05000000000000000000" pitchFamily="2" charset="2"/>
              <a:buChar char="§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Verbal (with words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)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342900" indent="-342900" fontAlgn="base">
              <a:buFont typeface="Wingdings" panose="05000000000000000000" pitchFamily="2" charset="2"/>
              <a:buChar char="§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on-Verbal (with looks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)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342900" indent="-342900" fontAlgn="base">
              <a:buFont typeface="Wingdings" panose="05000000000000000000" pitchFamily="2" charset="2"/>
              <a:buChar char="§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hysical (with touches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)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342900" indent="-342900" fontAlgn="base">
              <a:buFont typeface="Wingdings" panose="05000000000000000000" pitchFamily="2" charset="2"/>
              <a:buChar char="§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yber (online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)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ll of these are unacceptable.</a:t>
            </a:r>
            <a:r>
              <a:rPr lang="en-US" sz="2400" b="1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endParaRPr lang="ru-RU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74679" y="644577"/>
            <a:ext cx="2984197" cy="100887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852627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254979" y="64655"/>
            <a:ext cx="7308194" cy="6793345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420955" y="459180"/>
            <a:ext cx="2594421" cy="704554"/>
          </a:xfrm>
          <a:prstGeom prst="wedgeRoundRectCallout">
            <a:avLst>
              <a:gd name="adj1" fmla="val -70642"/>
              <a:gd name="adj2" fmla="val 109700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r>
              <a:rPr lang="en-US" sz="1400" dirty="0">
                <a:solidFill>
                  <a:schemeClr val="tx1"/>
                </a:solidFill>
              </a:rPr>
              <a:t>How do you </a:t>
            </a:r>
            <a:r>
              <a:rPr lang="en-US" sz="1400" dirty="0" smtClean="0">
                <a:solidFill>
                  <a:schemeClr val="tx1"/>
                </a:solidFill>
              </a:rPr>
              <a:t>know which </a:t>
            </a:r>
            <a:r>
              <a:rPr lang="en-US" sz="1400" dirty="0">
                <a:solidFill>
                  <a:schemeClr val="tx1"/>
                </a:solidFill>
              </a:rPr>
              <a:t>is which</a:t>
            </a:r>
            <a:r>
              <a:rPr lang="en-US" sz="1400" dirty="0" smtClean="0">
                <a:solidFill>
                  <a:schemeClr val="tx1"/>
                </a:solidFill>
              </a:rPr>
              <a:t>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Rounded Rectangle 8"/>
          <p:cNvSpPr/>
          <p:nvPr/>
        </p:nvSpPr>
        <p:spPr>
          <a:xfrm>
            <a:off x="443052" y="1911926"/>
            <a:ext cx="6752227" cy="2849302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lthough all of these terms have been used</a:t>
            </a: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terchangeably sometimes, the latest policies at the humanitarian level have made the distinction between them very clear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10" name="Picture 9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730514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254979" y="64655"/>
            <a:ext cx="7308194" cy="6793345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420955" y="481536"/>
            <a:ext cx="2594421" cy="704554"/>
          </a:xfrm>
          <a:prstGeom prst="wedgeRoundRectCallout">
            <a:avLst>
              <a:gd name="adj1" fmla="val -70642"/>
              <a:gd name="adj2" fmla="val 109700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r>
              <a:rPr lang="en-US" sz="1400" dirty="0">
                <a:solidFill>
                  <a:schemeClr val="tx1"/>
                </a:solidFill>
              </a:rPr>
              <a:t>How do you </a:t>
            </a:r>
            <a:r>
              <a:rPr lang="en-US" sz="1400" dirty="0" smtClean="0">
                <a:solidFill>
                  <a:schemeClr val="tx1"/>
                </a:solidFill>
              </a:rPr>
              <a:t>know which </a:t>
            </a:r>
            <a:r>
              <a:rPr lang="en-US" sz="1400" dirty="0">
                <a:solidFill>
                  <a:schemeClr val="tx1"/>
                </a:solidFill>
              </a:rPr>
              <a:t>is which</a:t>
            </a:r>
            <a:r>
              <a:rPr lang="en-US" sz="1400" dirty="0" smtClean="0">
                <a:solidFill>
                  <a:schemeClr val="tx1"/>
                </a:solidFill>
              </a:rPr>
              <a:t>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Rounded Rectangle 8"/>
          <p:cNvSpPr/>
          <p:nvPr/>
        </p:nvSpPr>
        <p:spPr>
          <a:xfrm>
            <a:off x="683625" y="2056909"/>
            <a:ext cx="6367321" cy="2616274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b="1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exual Exploitation and Sexual Abuse (SEA) happen from </a:t>
            </a:r>
            <a:r>
              <a:rPr lang="en-US" sz="2400" b="1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id </a:t>
            </a:r>
            <a:r>
              <a:rPr lang="en-US" sz="2400" b="1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orker to beneficiary.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e only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ifference Between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E and SA, is that SE includes something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turn to the beneficiary.</a:t>
            </a:r>
          </a:p>
        </p:txBody>
      </p:sp>
      <p:pic>
        <p:nvPicPr>
          <p:cNvPr id="10" name="Picture 9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021066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1911926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271040" y="382233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 smtClean="0">
                <a:solidFill>
                  <a:schemeClr val="tx1"/>
                </a:solidFill>
              </a:rPr>
              <a:t>How 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349683" y="1911926"/>
            <a:ext cx="7186941" cy="2885606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exual exploitation: Any actual or attempted </a:t>
            </a:r>
          </a:p>
          <a:p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buse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of a position of vulnerability, differential </a:t>
            </a:r>
          </a:p>
          <a:p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ower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, or trust, for sexual purposes, including, </a:t>
            </a:r>
          </a:p>
          <a:p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ut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ot limited to, profiting monetarily, socially </a:t>
            </a:r>
          </a:p>
          <a:p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or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olitically from the sexual exploitation of another.</a:t>
            </a:r>
          </a:p>
        </p:txBody>
      </p:sp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804860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1911926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328441" y="442526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 smtClean="0">
                <a:solidFill>
                  <a:schemeClr val="tx1"/>
                </a:solidFill>
              </a:rPr>
              <a:t>How 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443052" y="2294874"/>
            <a:ext cx="6182600" cy="2074044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exual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buse: Any actual or threatened physical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trusion of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 sexual nature, whether by force or under unequal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or coercive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onditions.</a:t>
            </a:r>
          </a:p>
        </p:txBody>
      </p:sp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204088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1911926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271040" y="442526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 smtClean="0">
                <a:solidFill>
                  <a:schemeClr val="tx1"/>
                </a:solidFill>
              </a:rPr>
              <a:t>How 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443052" y="2103776"/>
            <a:ext cx="6228907" cy="2296517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o, in both SE and SA, sexual misconduct can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e verbal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, non-verbal, physical, or cyber.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oth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an be a look, a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ext message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, a touch, a kiss, or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 sexual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tercourse.</a:t>
            </a:r>
          </a:p>
        </p:txBody>
      </p:sp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365772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271040" y="382905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519675" y="2101997"/>
            <a:ext cx="6826110" cy="2654006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f the perpetrator is an aid worker and the victim is a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eneficiary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 This is either SE or SA. To decide, you ask </a:t>
            </a:r>
            <a:endParaRPr lang="en-US" sz="2400" dirty="0" smtClean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fontAlgn="base"/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fontAlgn="base"/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yourself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nother question: is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ere anything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 return? If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yes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, it’s SE, if not it’s SA.</a:t>
            </a:r>
          </a:p>
        </p:txBody>
      </p:sp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61" y="944380"/>
            <a:ext cx="3422133" cy="973750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088620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UID" val="{F313902F-63A6-4F56-8386-EA33D58D04E9}"/>
  <p:tag name="ISPRING_ULTRA_SCORM_COURCE_TITLE" val="definition"/>
  <p:tag name="ISPRING_PRESENTATION_TITLE" val="definition"/>
  <p:tag name="ISPRING_RESOURCE_FOLDER" val="C:\Users\hp\Desktop\Projects\Nabad\Nabad\psea\en\lessons\definition\"/>
  <p:tag name="ISPRING_PRESENTATION_PATH" val="C:\Users\hp\Desktop\Projects\Nabad\Nabad\psea\en\lessons\definition.pptx"/>
  <p:tag name="ISPRING_SCREEN_RECS_UPDATED" val="C:\Users\hp\Desktop\Projects\Nabad\Nabad\psea\en\lessons\definition\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RATE_QUIZZES" val="0"/>
  <p:tag name="ISPRING_SCORM_PASSING_SCORE" val="0.000000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F8CA7E5C-B0DA-492C-838D-A9C512510393}:359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2044F370-4890-43A8-93DE-DDA5C2205265}:355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26108F15-541C-4C90-AEDA-FC8535F45505}:36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5F3DC5C0-862E-4261-82B8-4D15C817B12D}:361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5A55B365-F450-4560-8C30-5C91414AAA68}:357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3485B16E-1F68-4995-A5A3-706AF322AD9C}:364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5077FDBF-45C3-4FE9-A1B3-31D78E7BB861}:365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386989B1-45D4-4A8A-87D8-E92DBDB42B00}:366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2A9FBFCF-A8C4-4914-AEDD-9E36155DAA3F}:368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hp\Desktop\Projects\Nabad\Nabad\psea\en\lessons\definition\quiz\quiz1.quiz"/>
  <p:tag name="ISPRING_QUIZ_RELATIVE_PATH" val="definition\quiz\quiz1.quiz"/>
  <p:tag name="GENSWF_SLIDE_UID" val="{31CEBD8D-759D-4DA8-9894-BC5052579BFA}:367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74944435-17E6-429E-97ED-97D577707607}:351"/>
  <p:tag name="ISPRING_SLIDE_BRANCHING_PROPERTIES" val="&lt;BranchingProperties&gt;&lt;nextAction&gt;&lt;action&gt;2&lt;/action&gt;&lt;slide&gt;349&lt;/slide&gt;&lt;/nextAction&gt;&lt;prevAction&gt;&lt;action&gt;0&lt;/action&gt;&lt;/prevAction&gt;&lt;lock&gt;1&lt;/lock&gt;&lt;/BranchingProperties&gt;&#10;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unUEDybwzAn-tkVlXV9xww&quot;,&quot;gi&quot;:&quot;Ej1iyx-fZSq7S1bR4yCd0w&quot;,&quot;ti&quot;:&quot;characters&quot;,&quot;vs&quot;:{&quot;f&quot;:[4008,708],&quot;i&quot;:{&quot;d&quot;:&quot;unUEDybwzAn-tkVlXV9xww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47D4A6CE-0640-4505-8D43-744F27124B47}:353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80F9000B-2D21-47D0-8A40-ADE2A7A2C4E7}:352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unUEDybwzAn-tkVlXV9xww&quot;,&quot;gi&quot;:&quot;Ej1iyx-fZSq7S1bR4yCd0w&quot;,&quot;ti&quot;:&quot;characters&quot;,&quot;vs&quot;:{&quot;f&quot;:[4008,708],&quot;i&quot;:{&quot;d&quot;:&quot;unUEDybwzAn-tkVlXV9xww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AC3C560B-E696-485D-8FAD-093130ADCC57}:354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/>
        </a:solidFill>
        <a:ln w="38100">
          <a:solidFill>
            <a:schemeClr val="accent2">
              <a:lumMod val="60000"/>
              <a:lumOff val="40000"/>
            </a:schemeClr>
          </a:solidFill>
        </a:ln>
      </a:spPr>
      <a:bodyPr rtlCol="0" anchor="ctr"/>
      <a:lstStyle>
        <a:defPPr algn="ctr">
          <a:defRPr sz="2400" b="1" dirty="0">
            <a:solidFill>
              <a:schemeClr val="tx1"/>
            </a:solidFill>
          </a:defRPr>
        </a:defPPr>
      </a:lstStyle>
      <a:style>
        <a:lnRef idx="2">
          <a:schemeClr val="accent1">
            <a:shade val="15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30280</TotalTime>
  <Words>493</Words>
  <Application>Microsoft Office PowerPoint</Application>
  <PresentationFormat>Widescreen</PresentationFormat>
  <Paragraphs>61</Paragraphs>
  <Slides>15</Slides>
  <Notes>15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5</vt:i4>
      </vt:variant>
    </vt:vector>
  </HeadingPairs>
  <TitlesOfParts>
    <vt:vector size="23" baseType="lpstr">
      <vt:lpstr>Arial</vt:lpstr>
      <vt:lpstr>Calibri</vt:lpstr>
      <vt:lpstr>Open Sans</vt:lpstr>
      <vt:lpstr>Segoe UI</vt:lpstr>
      <vt:lpstr>Segoe UI Semibold</vt:lpstr>
      <vt:lpstr>Tw Cen MT</vt:lpstr>
      <vt:lpstr>Wingdings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efinition</dc:title>
  <dc:creator>pc</dc:creator>
  <cp:lastModifiedBy>Maher</cp:lastModifiedBy>
  <cp:revision>827</cp:revision>
  <dcterms:created xsi:type="dcterms:W3CDTF">2022-11-16T16:05:09Z</dcterms:created>
  <dcterms:modified xsi:type="dcterms:W3CDTF">2024-09-23T12:48:31Z</dcterms:modified>
</cp:coreProperties>
</file>